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530_事業所一覧\R7年度\R7.10\"/>
    </mc:Choice>
  </mc:AlternateContent>
  <xr:revisionPtr revIDLastSave="0" documentId="13_ncr:1_{AC8E96FE-86DA-41AF-A29A-CEBC91475A32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表紙" sheetId="2" r:id="rId1"/>
    <sheet name="介護予防支援（包括）" sheetId="1" r:id="rId2"/>
    <sheet name="介護予防支援 (居宅)" sheetId="3" r:id="rId3"/>
  </sheets>
  <definedNames>
    <definedName name="_xlnm._FilterDatabase" localSheetId="2" hidden="1">'介護予防支援 (居宅)'!$A$1:$H$1</definedName>
    <definedName name="_xlnm._FilterDatabase" localSheetId="1" hidden="1">'介護予防支援（包括）'!$A$1:$I$1</definedName>
    <definedName name="_xlnm.Print_Area" localSheetId="2">'介護予防支援 (居宅)'!$A$1:$H$15</definedName>
    <definedName name="_xlnm.Print_Area" localSheetId="1">'介護予防支援（包括）'!$A$1:$I$33</definedName>
    <definedName name="_xlnm.Print_Titles" localSheetId="2">'介護予防支援 (居宅)'!$1:$1</definedName>
    <definedName name="_xlnm.Print_Titles" localSheetId="1">'介護予防支援（包括）'!$1:$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33" uniqueCount="226">
  <si>
    <t>076-429-7494</t>
  </si>
  <si>
    <t>076-429-6602</t>
  </si>
  <si>
    <t>豊田地域包括支援センター</t>
  </si>
  <si>
    <t>076-435-1244</t>
  </si>
  <si>
    <t>076-451-8014</t>
  </si>
  <si>
    <t>076-435-0524</t>
  </si>
  <si>
    <t>076-454-5165</t>
  </si>
  <si>
    <t>柳町・清水町</t>
    <rPh sb="0" eb="2">
      <t>ヤナギマチ</t>
    </rPh>
    <rPh sb="3" eb="6">
      <t>シミズマチ</t>
    </rPh>
    <phoneticPr fontId="1"/>
  </si>
  <si>
    <t>富山市田畑８５２番地３</t>
    <rPh sb="0" eb="5">
      <t>トヤマシタバタ</t>
    </rPh>
    <rPh sb="8" eb="10">
      <t>バンチ</t>
    </rPh>
    <phoneticPr fontId="1"/>
  </si>
  <si>
    <t>富山市蜷川８９番地</t>
  </si>
  <si>
    <t>広田地域包括支援センター</t>
  </si>
  <si>
    <t>太田地域包括支援センター</t>
  </si>
  <si>
    <t>076-494-3164</t>
  </si>
  <si>
    <t>富山市手屋三丁目８番４０号</t>
    <rPh sb="0" eb="3">
      <t>トヤマシ</t>
    </rPh>
    <rPh sb="3" eb="4">
      <t>テ</t>
    </rPh>
    <rPh sb="4" eb="5">
      <t>ヤ</t>
    </rPh>
    <rPh sb="5" eb="6">
      <t>ミ</t>
    </rPh>
    <rPh sb="6" eb="8">
      <t>チョウメ</t>
    </rPh>
    <rPh sb="9" eb="10">
      <t>バン</t>
    </rPh>
    <rPh sb="12" eb="13">
      <t>ゴウ</t>
    </rPh>
    <phoneticPr fontId="1"/>
  </si>
  <si>
    <t>婦中西地域包括支援センター</t>
  </si>
  <si>
    <t>蜷川</t>
    <rPh sb="0" eb="2">
      <t>ニナガワ</t>
    </rPh>
    <phoneticPr fontId="1"/>
  </si>
  <si>
    <t>速星・鵜坂・婦中熊野・宮川</t>
    <rPh sb="0" eb="1">
      <t>ハヤ</t>
    </rPh>
    <rPh sb="1" eb="2">
      <t>ホシ</t>
    </rPh>
    <rPh sb="3" eb="4">
      <t>ウ</t>
    </rPh>
    <rPh sb="4" eb="5">
      <t>サカ</t>
    </rPh>
    <rPh sb="6" eb="8">
      <t>フチュウ</t>
    </rPh>
    <rPh sb="8" eb="9">
      <t>クマ</t>
    </rPh>
    <rPh sb="9" eb="10">
      <t>ノ</t>
    </rPh>
    <rPh sb="11" eb="13">
      <t>ミヤカワ</t>
    </rPh>
    <phoneticPr fontId="1"/>
  </si>
  <si>
    <t>蜷川地域包括支援センター</t>
  </si>
  <si>
    <t>四方・草島・倉垣</t>
    <rPh sb="0" eb="1">
      <t>ヨン</t>
    </rPh>
    <rPh sb="1" eb="2">
      <t>カタ</t>
    </rPh>
    <rPh sb="3" eb="5">
      <t>クサジマ</t>
    </rPh>
    <rPh sb="6" eb="7">
      <t>クラ</t>
    </rPh>
    <rPh sb="7" eb="8">
      <t>カキ</t>
    </rPh>
    <phoneticPr fontId="1"/>
  </si>
  <si>
    <t>076-461-8151</t>
  </si>
  <si>
    <t>堀川・光陽</t>
    <rPh sb="0" eb="2">
      <t>ホリカワ</t>
    </rPh>
    <rPh sb="3" eb="4">
      <t>ヒカリ</t>
    </rPh>
    <rPh sb="4" eb="5">
      <t>ヨウ</t>
    </rPh>
    <phoneticPr fontId="1"/>
  </si>
  <si>
    <t>076-454-5506</t>
  </si>
  <si>
    <t>八尾・黒瀬谷・卯花・野積・室牧・仁歩・大長谷</t>
    <rPh sb="0" eb="2">
      <t>ヤツオ</t>
    </rPh>
    <rPh sb="3" eb="5">
      <t>クロセ</t>
    </rPh>
    <rPh sb="5" eb="6">
      <t>ダニ</t>
    </rPh>
    <rPh sb="7" eb="8">
      <t>ウ</t>
    </rPh>
    <rPh sb="8" eb="9">
      <t>ハナ</t>
    </rPh>
    <rPh sb="10" eb="11">
      <t>ノ</t>
    </rPh>
    <rPh sb="11" eb="12">
      <t>ツ</t>
    </rPh>
    <rPh sb="13" eb="14">
      <t>ムロ</t>
    </rPh>
    <rPh sb="14" eb="15">
      <t>マキ</t>
    </rPh>
    <rPh sb="16" eb="18">
      <t>ジンポ</t>
    </rPh>
    <rPh sb="19" eb="22">
      <t>オオナガタニ</t>
    </rPh>
    <phoneticPr fontId="1"/>
  </si>
  <si>
    <t>東部・山室地域包括支援センター</t>
  </si>
  <si>
    <t>富山市布目１９６６番地の１</t>
  </si>
  <si>
    <t>076-494-1220</t>
  </si>
  <si>
    <t>和合地域包括支援センター</t>
  </si>
  <si>
    <t>076-494-1566</t>
  </si>
  <si>
    <t>076-495-9339</t>
  </si>
  <si>
    <t>076-492-6611</t>
  </si>
  <si>
    <t>富山市清水町二丁目６番２３号</t>
    <rPh sb="0" eb="3">
      <t>トヤマシ</t>
    </rPh>
    <rPh sb="6" eb="9">
      <t>２チョウメ</t>
    </rPh>
    <rPh sb="10" eb="11">
      <t>バン</t>
    </rPh>
    <rPh sb="13" eb="14">
      <t>ゴウ</t>
    </rPh>
    <phoneticPr fontId="1"/>
  </si>
  <si>
    <t>柳町・清水町地域包括支援センター</t>
  </si>
  <si>
    <t>電話番号</t>
  </si>
  <si>
    <t>076-433-7870</t>
  </si>
  <si>
    <t>076-411-7373</t>
  </si>
  <si>
    <t>堀川南</t>
    <rPh sb="0" eb="2">
      <t>ホリカワ</t>
    </rPh>
    <rPh sb="2" eb="3">
      <t>ミナミ</t>
    </rPh>
    <phoneticPr fontId="1"/>
  </si>
  <si>
    <t>076-438-8489</t>
  </si>
  <si>
    <t>堀川南地域包括支援センター</t>
  </si>
  <si>
    <t>富山市長江５丁目４番３３号</t>
  </si>
  <si>
    <t>076-493-9112</t>
  </si>
  <si>
    <t>076-429-7151</t>
  </si>
  <si>
    <t>076-493-9111</t>
  </si>
  <si>
    <t>富山市婦中町羽根１０９２－２</t>
  </si>
  <si>
    <t>076-433-8266</t>
  </si>
  <si>
    <t>富山市下大久保１５３０番地１</t>
    <rPh sb="11" eb="13">
      <t>バンチ</t>
    </rPh>
    <phoneticPr fontId="1"/>
  </si>
  <si>
    <t>藤ノ木・山室中部地域包括支援センター</t>
  </si>
  <si>
    <t>富山市今泉西部町１番地の３</t>
  </si>
  <si>
    <t>指定日</t>
  </si>
  <si>
    <t>朝日・古里・神保・音川</t>
    <rPh sb="0" eb="2">
      <t>アサヒ</t>
    </rPh>
    <rPh sb="3" eb="5">
      <t>フルサト</t>
    </rPh>
    <rPh sb="6" eb="8">
      <t>ジンボ</t>
    </rPh>
    <rPh sb="9" eb="10">
      <t>オト</t>
    </rPh>
    <rPh sb="10" eb="11">
      <t>カワ</t>
    </rPh>
    <phoneticPr fontId="1"/>
  </si>
  <si>
    <t>桜谷・八幡・長岡</t>
    <rPh sb="0" eb="2">
      <t>サクラダニ</t>
    </rPh>
    <rPh sb="3" eb="5">
      <t>ハチマン</t>
    </rPh>
    <rPh sb="6" eb="8">
      <t>ナガオカ</t>
    </rPh>
    <phoneticPr fontId="1"/>
  </si>
  <si>
    <t>堀川・光陽地域包括支援センター</t>
  </si>
  <si>
    <t>事業所名称</t>
  </si>
  <si>
    <t>076-433-2593</t>
  </si>
  <si>
    <t>豊田</t>
    <rPh sb="0" eb="2">
      <t>トヨタ</t>
    </rPh>
    <phoneticPr fontId="1"/>
  </si>
  <si>
    <t>076-439-3654</t>
  </si>
  <si>
    <t>山田・保内・杉原</t>
    <rPh sb="0" eb="2">
      <t>ヤマダ</t>
    </rPh>
    <rPh sb="3" eb="4">
      <t>ホ</t>
    </rPh>
    <rPh sb="4" eb="5">
      <t>ウチ</t>
    </rPh>
    <rPh sb="6" eb="7">
      <t>スギ</t>
    </rPh>
    <rPh sb="7" eb="8">
      <t>ハラ</t>
    </rPh>
    <phoneticPr fontId="1"/>
  </si>
  <si>
    <t>東部・山室</t>
    <rPh sb="0" eb="2">
      <t>トウブ</t>
    </rPh>
    <rPh sb="3" eb="5">
      <t>ヤマムロ</t>
    </rPh>
    <phoneticPr fontId="1"/>
  </si>
  <si>
    <t>富山市豊田町１丁目１番８号</t>
  </si>
  <si>
    <t>076-466-0621</t>
  </si>
  <si>
    <t>076-466-0620</t>
  </si>
  <si>
    <t>婦中東地域包括支援センター</t>
  </si>
  <si>
    <t>076-469-1322</t>
  </si>
  <si>
    <t>富山市水橋新堀１</t>
  </si>
  <si>
    <t>大広田・浜黒崎地域包括支援センター</t>
  </si>
  <si>
    <t>076-469-1050</t>
  </si>
  <si>
    <t>富山市黒崎２９１　コンフォート黒崎２階</t>
    <rPh sb="0" eb="3">
      <t>トヤマシ</t>
    </rPh>
    <rPh sb="3" eb="5">
      <t>クロサキ</t>
    </rPh>
    <rPh sb="15" eb="17">
      <t>クロサキ</t>
    </rPh>
    <rPh sb="18" eb="19">
      <t>カイ</t>
    </rPh>
    <phoneticPr fontId="1"/>
  </si>
  <si>
    <t>富山市八尾町福島４丁目７１番地</t>
  </si>
  <si>
    <t>076-444-8821</t>
  </si>
  <si>
    <t>富山市石坂新８３０番地１</t>
    <rPh sb="3" eb="5">
      <t>イシサカ</t>
    </rPh>
    <rPh sb="5" eb="6">
      <t>シン</t>
    </rPh>
    <rPh sb="9" eb="11">
      <t>バンチ</t>
    </rPh>
    <phoneticPr fontId="1"/>
  </si>
  <si>
    <t>八尾南地域包括支援センター</t>
  </si>
  <si>
    <t>針原地域包括支援センター</t>
  </si>
  <si>
    <t>百塚地域包括支援センター</t>
  </si>
  <si>
    <t>076-455-8960</t>
  </si>
  <si>
    <t>藤ノ木・山室中部</t>
    <rPh sb="0" eb="1">
      <t>フジ</t>
    </rPh>
    <rPh sb="2" eb="3">
      <t>キ</t>
    </rPh>
    <rPh sb="4" eb="6">
      <t>ヤマムロ</t>
    </rPh>
    <rPh sb="6" eb="8">
      <t>チュウブ</t>
    </rPh>
    <phoneticPr fontId="1"/>
  </si>
  <si>
    <t>076-492-3146</t>
  </si>
  <si>
    <t>076-454-6066</t>
  </si>
  <si>
    <t>076-467-3589</t>
  </si>
  <si>
    <t>八尾北・山田地域包括支援センター</t>
  </si>
  <si>
    <t>富山市大島３丁目１７７番地</t>
  </si>
  <si>
    <t>076-467-3590</t>
  </si>
  <si>
    <t>大沢野・小羽・下タ・細入</t>
    <rPh sb="0" eb="3">
      <t>オオサワノ</t>
    </rPh>
    <rPh sb="4" eb="5">
      <t>コ</t>
    </rPh>
    <rPh sb="5" eb="6">
      <t>バネ</t>
    </rPh>
    <rPh sb="7" eb="8">
      <t>シタ</t>
    </rPh>
    <rPh sb="10" eb="12">
      <t>ホソイリ</t>
    </rPh>
    <phoneticPr fontId="1"/>
  </si>
  <si>
    <t>富山市下タ林２３７</t>
    <rPh sb="0" eb="3">
      <t>トヤマシ</t>
    </rPh>
    <phoneticPr fontId="1"/>
  </si>
  <si>
    <t>大沢野・細入地域包括支援センター</t>
  </si>
  <si>
    <t>076-483-4188</t>
  </si>
  <si>
    <t>富山医療生活協同組合在宅福祉総合センターひまわり</t>
    <rPh sb="0" eb="10">
      <t>トヤマイリョウセイカツキョウドウクミアイ</t>
    </rPh>
    <rPh sb="10" eb="14">
      <t>ザイタクフクシ</t>
    </rPh>
    <rPh sb="14" eb="16">
      <t>ソウゴウ</t>
    </rPh>
    <phoneticPr fontId="1"/>
  </si>
  <si>
    <t>大庄・福沢・上滝・大山</t>
    <rPh sb="0" eb="2">
      <t>ダイショウ</t>
    </rPh>
    <rPh sb="3" eb="4">
      <t>フク</t>
    </rPh>
    <rPh sb="4" eb="5">
      <t>サワ</t>
    </rPh>
    <rPh sb="6" eb="8">
      <t>カミダキ</t>
    </rPh>
    <rPh sb="9" eb="11">
      <t>オオヤマ</t>
    </rPh>
    <phoneticPr fontId="1"/>
  </si>
  <si>
    <t>076-428-2808</t>
  </si>
  <si>
    <t>富山市花崎８０番地</t>
  </si>
  <si>
    <t>大山地域包括支援センター</t>
  </si>
  <si>
    <t>富山市飯野１－１</t>
    <rPh sb="3" eb="5">
      <t>イイノ</t>
    </rPh>
    <phoneticPr fontId="1"/>
  </si>
  <si>
    <t>富山市下新町１６番１１号</t>
    <rPh sb="0" eb="6">
      <t>トヤマシシモシンマチ</t>
    </rPh>
    <rPh sb="8" eb="9">
      <t>バン</t>
    </rPh>
    <rPh sb="11" eb="12">
      <t>ゴウ</t>
    </rPh>
    <phoneticPr fontId="1"/>
  </si>
  <si>
    <t>076-438-8744</t>
  </si>
  <si>
    <t>076-437-8022</t>
  </si>
  <si>
    <t>大広田・浜黒崎</t>
    <rPh sb="0" eb="3">
      <t>オオヒロタ</t>
    </rPh>
    <rPh sb="4" eb="5">
      <t>ハマ</t>
    </rPh>
    <rPh sb="5" eb="7">
      <t>クロサキ</t>
    </rPh>
    <phoneticPr fontId="1"/>
  </si>
  <si>
    <t>富山市横越１８０番地</t>
  </si>
  <si>
    <t>076-468-8180</t>
  </si>
  <si>
    <t>富山市鵯島字川原１９０７－１</t>
  </si>
  <si>
    <t>大久保・船峅</t>
    <rPh sb="0" eb="3">
      <t>オオクボ</t>
    </rPh>
    <rPh sb="4" eb="5">
      <t>フネ</t>
    </rPh>
    <phoneticPr fontId="1"/>
  </si>
  <si>
    <t>大久保・船峅地域包括支援センター</t>
  </si>
  <si>
    <t>076-471-7841</t>
  </si>
  <si>
    <t>076-422-3281</t>
  </si>
  <si>
    <t>076-422-3283</t>
  </si>
  <si>
    <t>太田</t>
    <rPh sb="0" eb="2">
      <t>オオタ</t>
    </rPh>
    <phoneticPr fontId="1"/>
  </si>
  <si>
    <t>076-481-6274</t>
  </si>
  <si>
    <t>富山市石屋２３７</t>
  </si>
  <si>
    <t>針原</t>
    <rPh sb="0" eb="1">
      <t>ハリ</t>
    </rPh>
    <rPh sb="1" eb="2">
      <t>ハラ</t>
    </rPh>
    <phoneticPr fontId="1"/>
  </si>
  <si>
    <t>076-478-5518</t>
  </si>
  <si>
    <t>076-478-0311</t>
  </si>
  <si>
    <t>水橋中部・水橋西部</t>
    <rPh sb="0" eb="2">
      <t>ミズハシ</t>
    </rPh>
    <rPh sb="2" eb="4">
      <t>チュウブ</t>
    </rPh>
    <rPh sb="5" eb="6">
      <t>ミズ</t>
    </rPh>
    <rPh sb="6" eb="7">
      <t>ハシ</t>
    </rPh>
    <rPh sb="7" eb="9">
      <t>セイブ</t>
    </rPh>
    <phoneticPr fontId="1"/>
  </si>
  <si>
    <t>水橋北地域包括支援センター</t>
  </si>
  <si>
    <t>076-478-5740</t>
  </si>
  <si>
    <t>076-479-2299</t>
  </si>
  <si>
    <t>水橋東部・三郷・上条</t>
    <rPh sb="0" eb="2">
      <t>ミズハシ</t>
    </rPh>
    <rPh sb="2" eb="4">
      <t>トウブ</t>
    </rPh>
    <rPh sb="5" eb="7">
      <t>ミサト</t>
    </rPh>
    <rPh sb="8" eb="10">
      <t>カミジョウ</t>
    </rPh>
    <phoneticPr fontId="1"/>
  </si>
  <si>
    <t>富山市高畠町１丁目１０番地１７</t>
  </si>
  <si>
    <t>水橋南地域包括支援センター</t>
  </si>
  <si>
    <t>富山市八尾町西新町４００５番地１</t>
    <rPh sb="6" eb="9">
      <t>ニシシンマチ</t>
    </rPh>
    <rPh sb="13" eb="15">
      <t>バンチ</t>
    </rPh>
    <phoneticPr fontId="1"/>
  </si>
  <si>
    <t>076-492-2361</t>
  </si>
  <si>
    <t>076-451-4411</t>
  </si>
  <si>
    <t>介護保険事業所一覧(介護予防支援）</t>
    <rPh sb="10" eb="12">
      <t>カイゴ</t>
    </rPh>
    <rPh sb="12" eb="14">
      <t>ヨボウ</t>
    </rPh>
    <rPh sb="14" eb="16">
      <t>シエン</t>
    </rPh>
    <phoneticPr fontId="1"/>
  </si>
  <si>
    <t>076-451-1200</t>
  </si>
  <si>
    <t>富山市小西１７０</t>
  </si>
  <si>
    <t>076-433-5683</t>
  </si>
  <si>
    <t>076-433-8857</t>
  </si>
  <si>
    <t>神明・五福</t>
    <rPh sb="0" eb="2">
      <t>シンメイ</t>
    </rPh>
    <rPh sb="3" eb="4">
      <t>ゴ</t>
    </rPh>
    <rPh sb="4" eb="5">
      <t>フク</t>
    </rPh>
    <phoneticPr fontId="1"/>
  </si>
  <si>
    <t>076-428-1808</t>
  </si>
  <si>
    <t>神明・五福地域包括支援センター</t>
  </si>
  <si>
    <t>新保・熊野</t>
    <rPh sb="0" eb="2">
      <t>シンボ</t>
    </rPh>
    <rPh sb="3" eb="5">
      <t>クマノ</t>
    </rPh>
    <phoneticPr fontId="1"/>
  </si>
  <si>
    <t>富山市栗山字沢下割９００</t>
    <rPh sb="6" eb="7">
      <t>サワ</t>
    </rPh>
    <phoneticPr fontId="1"/>
  </si>
  <si>
    <t>新保・熊野地域包括支援センター</t>
  </si>
  <si>
    <t>新庄・新庄北</t>
    <rPh sb="0" eb="2">
      <t>シンジョウ</t>
    </rPh>
    <rPh sb="3" eb="5">
      <t>シンジョウ</t>
    </rPh>
    <rPh sb="5" eb="6">
      <t>キタ</t>
    </rPh>
    <phoneticPr fontId="1"/>
  </si>
  <si>
    <t>新庄地域包括支援センター</t>
  </si>
  <si>
    <t>076-411-0205</t>
  </si>
  <si>
    <t>076-411-0231</t>
  </si>
  <si>
    <t>広田</t>
    <rPh sb="0" eb="2">
      <t>ヒロタ</t>
    </rPh>
    <phoneticPr fontId="1"/>
  </si>
  <si>
    <t>076-436-2165</t>
  </si>
  <si>
    <t>076-436-2117</t>
  </si>
  <si>
    <t>呉羽・寒江・古沢・老田・池多</t>
    <rPh sb="0" eb="2">
      <t>クレハ</t>
    </rPh>
    <rPh sb="3" eb="5">
      <t>サムエ</t>
    </rPh>
    <rPh sb="6" eb="8">
      <t>フルサワ</t>
    </rPh>
    <rPh sb="9" eb="11">
      <t>オイタ</t>
    </rPh>
    <rPh sb="12" eb="14">
      <t>イケダ</t>
    </rPh>
    <phoneticPr fontId="1"/>
  </si>
  <si>
    <t>富山市吉作１７２５番地</t>
  </si>
  <si>
    <t>076-433-2405</t>
  </si>
  <si>
    <t>呉羽地域包括支援センター</t>
  </si>
  <si>
    <t>076-429-7751</t>
  </si>
  <si>
    <t>月岡</t>
    <rPh sb="0" eb="2">
      <t>ツキオカ</t>
    </rPh>
    <phoneticPr fontId="1"/>
  </si>
  <si>
    <t>富山市上千俵町９８－１</t>
  </si>
  <si>
    <t>月岡地域包括支援センター</t>
  </si>
  <si>
    <t>076-438-8483</t>
  </si>
  <si>
    <t>岩瀬・萩浦</t>
    <rPh sb="0" eb="2">
      <t>イワセ</t>
    </rPh>
    <rPh sb="3" eb="4">
      <t>ハギ</t>
    </rPh>
    <rPh sb="4" eb="5">
      <t>ウラ</t>
    </rPh>
    <phoneticPr fontId="1"/>
  </si>
  <si>
    <t>076-413-6222</t>
  </si>
  <si>
    <t>岩瀬・萩浦地域包括支援センター</t>
  </si>
  <si>
    <t>076-433-8802</t>
  </si>
  <si>
    <t>076-433-8808</t>
  </si>
  <si>
    <t>奥田北</t>
    <rPh sb="0" eb="2">
      <t>オクダ</t>
    </rPh>
    <rPh sb="2" eb="3">
      <t>キタ</t>
    </rPh>
    <phoneticPr fontId="1"/>
  </si>
  <si>
    <t>富山市下新北町６－４５</t>
  </si>
  <si>
    <t>奥田北地域包括支援センター</t>
  </si>
  <si>
    <t>076-432-5771</t>
  </si>
  <si>
    <t>076-432-5762</t>
  </si>
  <si>
    <t>076-491-4375</t>
  </si>
  <si>
    <t>奥田</t>
    <rPh sb="0" eb="2">
      <t>オクダ</t>
    </rPh>
    <phoneticPr fontId="1"/>
  </si>
  <si>
    <t>076-481-6365</t>
  </si>
  <si>
    <t>076-423-8911</t>
  </si>
  <si>
    <t>奥田地域包括支援センター</t>
  </si>
  <si>
    <t>076-433-2739</t>
  </si>
  <si>
    <t>愛宕・安野屋</t>
    <rPh sb="0" eb="2">
      <t>アタゴ</t>
    </rPh>
    <rPh sb="3" eb="4">
      <t>ヤス</t>
    </rPh>
    <rPh sb="4" eb="5">
      <t>ノ</t>
    </rPh>
    <rPh sb="5" eb="6">
      <t>ヤ</t>
    </rPh>
    <phoneticPr fontId="1"/>
  </si>
  <si>
    <t>富山市牛島本町２丁目１番５８号</t>
  </si>
  <si>
    <t>愛宕・安野屋地域包括支援センター</t>
  </si>
  <si>
    <t>076-461-7122</t>
  </si>
  <si>
    <t>総曲輪・西田地方・星井町・五番町・八人町</t>
    <rPh sb="0" eb="1">
      <t>ソウ</t>
    </rPh>
    <rPh sb="1" eb="2">
      <t>キョク</t>
    </rPh>
    <rPh sb="2" eb="3">
      <t>ワ</t>
    </rPh>
    <rPh sb="4" eb="6">
      <t>ニシダ</t>
    </rPh>
    <rPh sb="6" eb="8">
      <t>チホウ</t>
    </rPh>
    <rPh sb="9" eb="12">
      <t>ホシイチョウ</t>
    </rPh>
    <rPh sb="13" eb="16">
      <t>ゴバンマチ</t>
    </rPh>
    <rPh sb="17" eb="20">
      <t>ハチニンマチ</t>
    </rPh>
    <phoneticPr fontId="1"/>
  </si>
  <si>
    <t>富山市上袋７１２番地</t>
    <rPh sb="0" eb="5">
      <t>トヤマシカミブクロ</t>
    </rPh>
    <rPh sb="8" eb="10">
      <t>バンチ</t>
    </rPh>
    <phoneticPr fontId="1"/>
  </si>
  <si>
    <t>まちなか地域包括支援センター</t>
  </si>
  <si>
    <t>イフディ居宅</t>
    <rPh sb="4" eb="6">
      <t>キョタク</t>
    </rPh>
    <phoneticPr fontId="1"/>
  </si>
  <si>
    <t>FAX番号</t>
  </si>
  <si>
    <t>富山市婦中町速星３９８番地１</t>
    <rPh sb="0" eb="6">
      <t>トヤマシフチュウマチ</t>
    </rPh>
    <rPh sb="6" eb="8">
      <t>ハヤホシ</t>
    </rPh>
    <rPh sb="11" eb="13">
      <t>バンチ</t>
    </rPh>
    <phoneticPr fontId="1"/>
  </si>
  <si>
    <t>担当地区</t>
    <rPh sb="0" eb="2">
      <t>タントウ</t>
    </rPh>
    <rPh sb="2" eb="4">
      <t>チク</t>
    </rPh>
    <phoneticPr fontId="1"/>
  </si>
  <si>
    <t>富山市才覚寺２４６番地４</t>
    <rPh sb="0" eb="3">
      <t>トヤマシ</t>
    </rPh>
    <rPh sb="3" eb="4">
      <t>サイ</t>
    </rPh>
    <rPh sb="5" eb="6">
      <t>テラ</t>
    </rPh>
    <rPh sb="9" eb="11">
      <t>バンチ</t>
    </rPh>
    <phoneticPr fontId="1"/>
  </si>
  <si>
    <t>所在地</t>
  </si>
  <si>
    <t>事業所番号</t>
  </si>
  <si>
    <t>076-429-8686</t>
  </si>
  <si>
    <t>076-429-8080</t>
  </si>
  <si>
    <t>076-471-6374</t>
  </si>
  <si>
    <t>居宅介護支援事業所越中</t>
    <rPh sb="0" eb="9">
      <t>キョタクカイゴシエンジギョウショ</t>
    </rPh>
    <rPh sb="9" eb="11">
      <t>エッチュウ</t>
    </rPh>
    <phoneticPr fontId="1"/>
  </si>
  <si>
    <t>076-482-4221</t>
  </si>
  <si>
    <t>076-439-1555</t>
  </si>
  <si>
    <t>笑美寿居宅介護支援事業所</t>
    <rPh sb="0" eb="1">
      <t>ワラ</t>
    </rPh>
    <rPh sb="1" eb="2">
      <t>ミ</t>
    </rPh>
    <rPh sb="2" eb="3">
      <t>コトブキ</t>
    </rPh>
    <rPh sb="3" eb="12">
      <t>キョタクカイゴシエンジギョウショ</t>
    </rPh>
    <phoneticPr fontId="1"/>
  </si>
  <si>
    <t>076-471-7851</t>
  </si>
  <si>
    <t>青鳥寺居宅介護支援事業所</t>
    <rPh sb="0" eb="12">
      <t>アオトリテラキョタクカイゴシエンジギョウショ</t>
    </rPh>
    <phoneticPr fontId="1"/>
  </si>
  <si>
    <t>富山市粟島町二丁目２番１号</t>
    <rPh sb="0" eb="6">
      <t>トヤマシアワシママチ</t>
    </rPh>
    <rPh sb="6" eb="9">
      <t>2チョウメ</t>
    </rPh>
    <rPh sb="10" eb="11">
      <t>バン</t>
    </rPh>
    <rPh sb="12" eb="13">
      <t>ゴウ</t>
    </rPh>
    <phoneticPr fontId="1"/>
  </si>
  <si>
    <t>富山市二口町一丁目９番地３</t>
    <rPh sb="0" eb="3">
      <t>トヤマシ</t>
    </rPh>
    <rPh sb="3" eb="6">
      <t>フタクチマチ</t>
    </rPh>
    <rPh sb="6" eb="9">
      <t>1チョウメ</t>
    </rPh>
    <rPh sb="10" eb="12">
      <t>バンチ</t>
    </rPh>
    <phoneticPr fontId="1"/>
  </si>
  <si>
    <t>076-423-8912</t>
  </si>
  <si>
    <t>居宅介護支援事業所金泉寺</t>
    <rPh sb="0" eb="9">
      <t>キョタクカイゴシエンジギョウショ</t>
    </rPh>
    <rPh sb="9" eb="12">
      <t>キンセンジ</t>
    </rPh>
    <phoneticPr fontId="1"/>
  </si>
  <si>
    <t>076-452-6860</t>
  </si>
  <si>
    <t>076-452-6861</t>
  </si>
  <si>
    <t>ちゅらさん居宅介護支援事業所</t>
    <rPh sb="5" eb="14">
      <t>キョタクカイゴシエンジギョウショ</t>
    </rPh>
    <phoneticPr fontId="1"/>
  </si>
  <si>
    <t>076-494-8281</t>
  </si>
  <si>
    <t>076-494-8280</t>
  </si>
  <si>
    <t>076-433-7881</t>
  </si>
  <si>
    <t>076-432-1574</t>
  </si>
  <si>
    <t>富山医療生活協同組合在宅福祉総合センターぽぷら</t>
    <rPh sb="0" eb="10">
      <t>トヤマイリョウセイカツキョウドウクミアイ</t>
    </rPh>
    <rPh sb="10" eb="14">
      <t>ザイタクフクシ</t>
    </rPh>
    <rPh sb="14" eb="16">
      <t>ソウゴウ</t>
    </rPh>
    <phoneticPr fontId="1"/>
  </si>
  <si>
    <t>076-466-5227</t>
  </si>
  <si>
    <t>076-466-0876</t>
  </si>
  <si>
    <t>076-481-6229</t>
  </si>
  <si>
    <t>居宅介護支援事業所コスモスの里</t>
    <rPh sb="0" eb="9">
      <t>キョタクカイゴシエンジギョウショ</t>
    </rPh>
    <rPh sb="14" eb="15">
      <t>サト</t>
    </rPh>
    <phoneticPr fontId="1"/>
  </si>
  <si>
    <t>富山市藤木８９３番地</t>
    <rPh sb="0" eb="3">
      <t>トヤマシ</t>
    </rPh>
    <rPh sb="3" eb="5">
      <t>フジキ</t>
    </rPh>
    <rPh sb="8" eb="10">
      <t>バンチ</t>
    </rPh>
    <phoneticPr fontId="1"/>
  </si>
  <si>
    <t>076-407-1666</t>
  </si>
  <si>
    <t>076-407-1667</t>
  </si>
  <si>
    <t>富山医療生活協同組合在宅福祉総合センターきずな</t>
    <rPh sb="0" eb="12">
      <t>トヤマイリョウセイカツキョウドウクミアイザイタク</t>
    </rPh>
    <rPh sb="12" eb="16">
      <t>フクシソウゴウ</t>
    </rPh>
    <phoneticPr fontId="1"/>
  </si>
  <si>
    <t>富山市柳町一丁目２番１８号</t>
    <rPh sb="0" eb="3">
      <t>トヤマシ</t>
    </rPh>
    <rPh sb="3" eb="5">
      <t>ヤナギマチ</t>
    </rPh>
    <rPh sb="5" eb="8">
      <t>1チョウメ</t>
    </rPh>
    <rPh sb="9" eb="10">
      <t>バン</t>
    </rPh>
    <rPh sb="12" eb="13">
      <t>ゴウ</t>
    </rPh>
    <phoneticPr fontId="1"/>
  </si>
  <si>
    <t>076-439-3653</t>
  </si>
  <si>
    <t>千石ケアサービス</t>
    <rPh sb="0" eb="2">
      <t>センゴク</t>
    </rPh>
    <phoneticPr fontId="1"/>
  </si>
  <si>
    <t>富山市千石町五丁目３番７号</t>
    <rPh sb="0" eb="6">
      <t>トヤマシセンゴクマチ</t>
    </rPh>
    <rPh sb="6" eb="9">
      <t>5チョウメ</t>
    </rPh>
    <rPh sb="10" eb="11">
      <t>バン</t>
    </rPh>
    <rPh sb="12" eb="13">
      <t>ゴウ</t>
    </rPh>
    <phoneticPr fontId="1"/>
  </si>
  <si>
    <t>居宅介護支援事業所とやま</t>
    <rPh sb="0" eb="9">
      <t>キョタクカイゴシエンジギョウショ</t>
    </rPh>
    <phoneticPr fontId="1"/>
  </si>
  <si>
    <t>もなみ居宅介護支援事業所</t>
    <rPh sb="3" eb="12">
      <t>キョタクカイゴシエンジギョウショ</t>
    </rPh>
    <phoneticPr fontId="1"/>
  </si>
  <si>
    <t>富山市太郎丸本町一丁目１０番地２３</t>
    <rPh sb="0" eb="3">
      <t>トヤマシ</t>
    </rPh>
    <rPh sb="3" eb="6">
      <t>タロウマル</t>
    </rPh>
    <rPh sb="6" eb="8">
      <t>ホンマチ</t>
    </rPh>
    <rPh sb="8" eb="11">
      <t>イチチョウメ</t>
    </rPh>
    <rPh sb="13" eb="15">
      <t>バンチ</t>
    </rPh>
    <phoneticPr fontId="1"/>
  </si>
  <si>
    <t>076-461-6633</t>
  </si>
  <si>
    <t>チューリップ苑在宅介護支援センター</t>
  </si>
  <si>
    <t>富山市長江五丁目４番３３号</t>
  </si>
  <si>
    <t>076-494-1378</t>
  </si>
  <si>
    <t>076-468-8183</t>
  </si>
  <si>
    <t>郵便番号</t>
    <phoneticPr fontId="1"/>
  </si>
  <si>
    <t>郵便番号</t>
    <phoneticPr fontId="1"/>
  </si>
  <si>
    <t>富山市西田地方町二丁目１０番１１</t>
    <rPh sb="3" eb="4">
      <t>ニシ</t>
    </rPh>
    <rPh sb="4" eb="5">
      <t>タ</t>
    </rPh>
    <rPh sb="5" eb="6">
      <t>チ</t>
    </rPh>
    <rPh sb="6" eb="7">
      <t>ガタ</t>
    </rPh>
    <rPh sb="7" eb="8">
      <t>マチ</t>
    </rPh>
    <rPh sb="8" eb="11">
      <t>ニチョウメ</t>
    </rPh>
    <rPh sb="13" eb="14">
      <t>バン</t>
    </rPh>
    <phoneticPr fontId="1"/>
  </si>
  <si>
    <t>富山市永楽町４１番２２号</t>
    <phoneticPr fontId="1"/>
  </si>
  <si>
    <t>富山市向新庄町四丁目１４番４８</t>
    <rPh sb="3" eb="4">
      <t>ム</t>
    </rPh>
    <rPh sb="7" eb="8">
      <t>ヨン</t>
    </rPh>
    <rPh sb="8" eb="10">
      <t>チョウメ</t>
    </rPh>
    <rPh sb="12" eb="13">
      <t>バン</t>
    </rPh>
    <phoneticPr fontId="1"/>
  </si>
  <si>
    <t>富山市水橋辻ヶ堂５３５番地</t>
    <rPh sb="5" eb="6">
      <t>ツジ</t>
    </rPh>
    <rPh sb="7" eb="8">
      <t>ドウ</t>
    </rPh>
    <rPh sb="11" eb="13">
      <t>バンチ</t>
    </rPh>
    <phoneticPr fontId="1"/>
  </si>
  <si>
    <t>富山市婦中町下轡田９０-１</t>
    <phoneticPr fontId="1"/>
  </si>
  <si>
    <t>富山市本郷町２６２番地１４</t>
    <phoneticPr fontId="1"/>
  </si>
  <si>
    <t>所在地</t>
    <phoneticPr fontId="1"/>
  </si>
  <si>
    <t>令和7年10月1日現在</t>
    <rPh sb="0" eb="2">
      <t>レイワ</t>
    </rPh>
    <rPh sb="3" eb="4">
      <t>ネン</t>
    </rPh>
    <rPh sb="6" eb="7">
      <t>ガツ</t>
    </rPh>
    <rPh sb="8" eb="9">
      <t>ニチ</t>
    </rPh>
    <rPh sb="9" eb="11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411]ge\.m\.d;@"/>
  </numFmts>
  <fonts count="4" x14ac:knownFonts="1">
    <font>
      <sz val="11"/>
      <name val="ＭＳ Ｐゴシック"/>
      <family val="3"/>
    </font>
    <font>
      <sz val="6"/>
      <name val="ＭＳ Ｐゴシック"/>
      <family val="3"/>
    </font>
    <font>
      <sz val="60"/>
      <name val="ＭＳ Ｐゴシック"/>
      <family val="3"/>
    </font>
    <font>
      <sz val="36"/>
      <name val="ＭＳ Ｐゴシック"/>
      <family val="3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">
    <xf numFmtId="0" fontId="0" fillId="0" borderId="0" xfId="0"/>
    <xf numFmtId="0" fontId="0" fillId="0" borderId="0" xfId="0" applyFont="1" applyFill="1"/>
    <xf numFmtId="0" fontId="2" fillId="0" borderId="0" xfId="0" applyFont="1" applyFill="1"/>
    <xf numFmtId="0" fontId="3" fillId="0" borderId="0" xfId="0" applyFont="1" applyFill="1"/>
    <xf numFmtId="0" fontId="0" fillId="0" borderId="0" xfId="0" applyFont="1" applyFill="1" applyAlignment="1">
      <alignment shrinkToFit="1"/>
    </xf>
    <xf numFmtId="176" fontId="0" fillId="0" borderId="0" xfId="0" applyNumberFormat="1" applyFont="1" applyFill="1"/>
    <xf numFmtId="0" fontId="0" fillId="0" borderId="0" xfId="0" applyFont="1" applyFill="1" applyAlignment="1">
      <alignment horizontal="center" shrinkToFit="1"/>
    </xf>
    <xf numFmtId="0" fontId="0" fillId="0" borderId="1" xfId="0" applyFont="1" applyFill="1" applyBorder="1" applyAlignment="1">
      <alignment horizontal="center" shrinkToFit="1"/>
    </xf>
    <xf numFmtId="0" fontId="0" fillId="0" borderId="1" xfId="0" applyFont="1" applyFill="1" applyBorder="1"/>
    <xf numFmtId="0" fontId="0" fillId="0" borderId="1" xfId="0" applyFont="1" applyFill="1" applyBorder="1" applyAlignment="1">
      <alignment shrinkToFit="1"/>
    </xf>
    <xf numFmtId="176" fontId="0" fillId="0" borderId="1" xfId="0" applyNumberFormat="1" applyFont="1" applyFill="1" applyBorder="1" applyAlignment="1">
      <alignment horizontal="center" shrinkToFit="1"/>
    </xf>
    <xf numFmtId="176" fontId="0" fillId="0" borderId="1" xfId="0" applyNumberFormat="1" applyFont="1" applyFill="1" applyBorder="1"/>
    <xf numFmtId="0" fontId="0" fillId="0" borderId="1" xfId="0" applyFont="1" applyFill="1" applyBorder="1" applyAlignment="1">
      <alignment horizont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  <pageSetUpPr fitToPage="1"/>
  </sheetPr>
  <dimension ref="B7:G12"/>
  <sheetViews>
    <sheetView tabSelected="1" workbookViewId="0"/>
  </sheetViews>
  <sheetFormatPr defaultColWidth="9" defaultRowHeight="26.25" customHeight="1" x14ac:dyDescent="0.15"/>
  <cols>
    <col min="1" max="16384" width="9" style="1"/>
  </cols>
  <sheetData>
    <row r="7" spans="2:7" ht="69" x14ac:dyDescent="0.6">
      <c r="B7" s="2" t="s">
        <v>118</v>
      </c>
    </row>
    <row r="12" spans="2:7" ht="42" x14ac:dyDescent="0.4">
      <c r="G12" s="3" t="s">
        <v>225</v>
      </c>
    </row>
  </sheetData>
  <phoneticPr fontId="1"/>
  <pageMargins left="0.7" right="0.7" top="0.75" bottom="0.75" header="0.3" footer="0.3"/>
  <pageSetup paperSize="9" scale="70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4"/>
    <pageSetUpPr fitToPage="1"/>
  </sheetPr>
  <dimension ref="A1:I33"/>
  <sheetViews>
    <sheetView view="pageBreakPreview" zoomScaleSheetLayoutView="100" workbookViewId="0"/>
  </sheetViews>
  <sheetFormatPr defaultColWidth="9" defaultRowHeight="18.75" customHeight="1" x14ac:dyDescent="0.15"/>
  <cols>
    <col min="1" max="1" width="4.625" style="1" customWidth="1"/>
    <col min="2" max="2" width="14.625" style="1" customWidth="1"/>
    <col min="3" max="3" width="35.625" style="1" customWidth="1"/>
    <col min="4" max="4" width="10.625" style="1" customWidth="1"/>
    <col min="5" max="5" width="32.625" style="1" customWidth="1"/>
    <col min="6" max="6" width="36.625" style="4" customWidth="1"/>
    <col min="7" max="8" width="15.625" style="1" customWidth="1"/>
    <col min="9" max="9" width="9.625" style="5" customWidth="1"/>
    <col min="10" max="16384" width="9" style="1"/>
  </cols>
  <sheetData>
    <row r="1" spans="1:9" s="6" customFormat="1" ht="37.35" customHeight="1" x14ac:dyDescent="0.15">
      <c r="A1" s="7"/>
      <c r="B1" s="7" t="s">
        <v>174</v>
      </c>
      <c r="C1" s="7" t="s">
        <v>51</v>
      </c>
      <c r="D1" s="7" t="s">
        <v>216</v>
      </c>
      <c r="E1" s="7" t="s">
        <v>173</v>
      </c>
      <c r="F1" s="7" t="s">
        <v>171</v>
      </c>
      <c r="G1" s="7" t="s">
        <v>32</v>
      </c>
      <c r="H1" s="7" t="s">
        <v>169</v>
      </c>
      <c r="I1" s="10" t="s">
        <v>47</v>
      </c>
    </row>
    <row r="2" spans="1:9" ht="26.25" customHeight="1" x14ac:dyDescent="0.15">
      <c r="A2" s="8">
        <v>1</v>
      </c>
      <c r="B2" s="12">
        <v>1600100356</v>
      </c>
      <c r="C2" s="8" t="s">
        <v>167</v>
      </c>
      <c r="D2" s="12">
        <v>9398202</v>
      </c>
      <c r="E2" s="8" t="s">
        <v>218</v>
      </c>
      <c r="F2" s="7" t="s">
        <v>165</v>
      </c>
      <c r="G2" s="12" t="s">
        <v>19</v>
      </c>
      <c r="H2" s="12" t="s">
        <v>164</v>
      </c>
      <c r="I2" s="11">
        <v>41000</v>
      </c>
    </row>
    <row r="3" spans="1:9" ht="26.25" customHeight="1" x14ac:dyDescent="0.15">
      <c r="A3" s="8">
        <v>2</v>
      </c>
      <c r="B3" s="12">
        <v>1600100117</v>
      </c>
      <c r="C3" s="8" t="s">
        <v>163</v>
      </c>
      <c r="D3" s="12">
        <v>9300859</v>
      </c>
      <c r="E3" s="8" t="s">
        <v>162</v>
      </c>
      <c r="F3" s="7" t="s">
        <v>161</v>
      </c>
      <c r="G3" s="12" t="s">
        <v>138</v>
      </c>
      <c r="H3" s="12" t="s">
        <v>160</v>
      </c>
      <c r="I3" s="11">
        <v>38808</v>
      </c>
    </row>
    <row r="4" spans="1:9" ht="26.25" customHeight="1" x14ac:dyDescent="0.15">
      <c r="A4" s="8">
        <v>3</v>
      </c>
      <c r="B4" s="12">
        <v>1600100141</v>
      </c>
      <c r="C4" s="8" t="s">
        <v>159</v>
      </c>
      <c r="D4" s="12">
        <v>9300853</v>
      </c>
      <c r="E4" s="8" t="s">
        <v>219</v>
      </c>
      <c r="F4" s="7" t="s">
        <v>156</v>
      </c>
      <c r="G4" s="12" t="s">
        <v>154</v>
      </c>
      <c r="H4" s="12" t="s">
        <v>153</v>
      </c>
      <c r="I4" s="11">
        <v>38808</v>
      </c>
    </row>
    <row r="5" spans="1:9" ht="26.25" customHeight="1" x14ac:dyDescent="0.15">
      <c r="A5" s="8">
        <v>4</v>
      </c>
      <c r="B5" s="12">
        <v>1600100158</v>
      </c>
      <c r="C5" s="8" t="s">
        <v>152</v>
      </c>
      <c r="D5" s="12">
        <v>9300802</v>
      </c>
      <c r="E5" s="8" t="s">
        <v>151</v>
      </c>
      <c r="F5" s="7" t="s">
        <v>150</v>
      </c>
      <c r="G5" s="12" t="s">
        <v>149</v>
      </c>
      <c r="H5" s="12" t="s">
        <v>148</v>
      </c>
      <c r="I5" s="11">
        <v>38808</v>
      </c>
    </row>
    <row r="6" spans="1:9" ht="26.25" customHeight="1" x14ac:dyDescent="0.15">
      <c r="A6" s="8">
        <v>5</v>
      </c>
      <c r="B6" s="12">
        <v>1600100182</v>
      </c>
      <c r="C6" s="8" t="s">
        <v>147</v>
      </c>
      <c r="D6" s="12">
        <v>9318336</v>
      </c>
      <c r="E6" s="8" t="s">
        <v>113</v>
      </c>
      <c r="F6" s="7" t="s">
        <v>145</v>
      </c>
      <c r="G6" s="12" t="s">
        <v>144</v>
      </c>
      <c r="H6" s="12" t="s">
        <v>36</v>
      </c>
      <c r="I6" s="11">
        <v>38808</v>
      </c>
    </row>
    <row r="7" spans="1:9" ht="26.25" customHeight="1" x14ac:dyDescent="0.15">
      <c r="A7" s="8">
        <v>6</v>
      </c>
      <c r="B7" s="12">
        <v>1600100257</v>
      </c>
      <c r="C7" s="8" t="s">
        <v>143</v>
      </c>
      <c r="D7" s="12">
        <v>9398134</v>
      </c>
      <c r="E7" s="8" t="s">
        <v>142</v>
      </c>
      <c r="F7" s="7" t="s">
        <v>141</v>
      </c>
      <c r="G7" s="12" t="s">
        <v>40</v>
      </c>
      <c r="H7" s="12" t="s">
        <v>140</v>
      </c>
      <c r="I7" s="11">
        <v>38808</v>
      </c>
    </row>
    <row r="8" spans="1:9" ht="26.25" customHeight="1" x14ac:dyDescent="0.15">
      <c r="A8" s="8">
        <v>7</v>
      </c>
      <c r="B8" s="12">
        <v>1600100075</v>
      </c>
      <c r="C8" s="8" t="s">
        <v>139</v>
      </c>
      <c r="D8" s="12">
        <v>9300142</v>
      </c>
      <c r="E8" s="8" t="s">
        <v>137</v>
      </c>
      <c r="F8" s="7" t="s">
        <v>136</v>
      </c>
      <c r="G8" s="12" t="s">
        <v>135</v>
      </c>
      <c r="H8" s="12" t="s">
        <v>134</v>
      </c>
      <c r="I8" s="11">
        <v>38808</v>
      </c>
    </row>
    <row r="9" spans="1:9" ht="26.25" customHeight="1" x14ac:dyDescent="0.15">
      <c r="A9" s="8">
        <v>8</v>
      </c>
      <c r="B9" s="12">
        <v>1600100224</v>
      </c>
      <c r="C9" s="8" t="s">
        <v>10</v>
      </c>
      <c r="D9" s="12">
        <v>9300821</v>
      </c>
      <c r="E9" s="8" t="s">
        <v>89</v>
      </c>
      <c r="F9" s="7" t="s">
        <v>133</v>
      </c>
      <c r="G9" s="12" t="s">
        <v>132</v>
      </c>
      <c r="H9" s="12" t="s">
        <v>131</v>
      </c>
      <c r="I9" s="11">
        <v>38808</v>
      </c>
    </row>
    <row r="10" spans="1:9" ht="26.25" customHeight="1" x14ac:dyDescent="0.15">
      <c r="A10" s="8">
        <v>9</v>
      </c>
      <c r="B10" s="12">
        <v>1600100059</v>
      </c>
      <c r="C10" s="8" t="s">
        <v>130</v>
      </c>
      <c r="D10" s="12">
        <v>9300916</v>
      </c>
      <c r="E10" s="8" t="s">
        <v>220</v>
      </c>
      <c r="F10" s="7" t="s">
        <v>129</v>
      </c>
      <c r="G10" s="12" t="s">
        <v>4</v>
      </c>
      <c r="H10" s="12" t="s">
        <v>177</v>
      </c>
      <c r="I10" s="11">
        <v>38808</v>
      </c>
    </row>
    <row r="11" spans="1:9" ht="26.25" customHeight="1" x14ac:dyDescent="0.15">
      <c r="A11" s="8">
        <v>10</v>
      </c>
      <c r="B11" s="12">
        <v>1600100232</v>
      </c>
      <c r="C11" s="8" t="s">
        <v>128</v>
      </c>
      <c r="D11" s="12">
        <v>9398178</v>
      </c>
      <c r="E11" s="8" t="s">
        <v>127</v>
      </c>
      <c r="F11" s="7" t="s">
        <v>126</v>
      </c>
      <c r="G11" s="12" t="s">
        <v>175</v>
      </c>
      <c r="H11" s="12" t="s">
        <v>176</v>
      </c>
      <c r="I11" s="11">
        <v>38808</v>
      </c>
    </row>
    <row r="12" spans="1:9" ht="26.25" customHeight="1" x14ac:dyDescent="0.15">
      <c r="A12" s="8">
        <v>11</v>
      </c>
      <c r="B12" s="12">
        <v>1600100174</v>
      </c>
      <c r="C12" s="8" t="s">
        <v>125</v>
      </c>
      <c r="D12" s="12">
        <v>9300885</v>
      </c>
      <c r="E12" s="8" t="s">
        <v>96</v>
      </c>
      <c r="F12" s="7" t="s">
        <v>123</v>
      </c>
      <c r="G12" s="12" t="s">
        <v>122</v>
      </c>
      <c r="H12" s="12" t="s">
        <v>121</v>
      </c>
      <c r="I12" s="11">
        <v>38808</v>
      </c>
    </row>
    <row r="13" spans="1:9" ht="26.25" customHeight="1" x14ac:dyDescent="0.15">
      <c r="A13" s="8">
        <v>12</v>
      </c>
      <c r="B13" s="12">
        <v>1600100208</v>
      </c>
      <c r="C13" s="8" t="s">
        <v>70</v>
      </c>
      <c r="D13" s="12">
        <v>9318435</v>
      </c>
      <c r="E13" s="8" t="s">
        <v>120</v>
      </c>
      <c r="F13" s="7" t="s">
        <v>105</v>
      </c>
      <c r="G13" s="12" t="s">
        <v>119</v>
      </c>
      <c r="H13" s="12" t="s">
        <v>117</v>
      </c>
      <c r="I13" s="11">
        <v>38808</v>
      </c>
    </row>
    <row r="14" spans="1:9" ht="26.25" customHeight="1" x14ac:dyDescent="0.15">
      <c r="A14" s="8">
        <v>13</v>
      </c>
      <c r="B14" s="12">
        <v>1600100281</v>
      </c>
      <c r="C14" s="8" t="s">
        <v>114</v>
      </c>
      <c r="D14" s="12">
        <v>9393535</v>
      </c>
      <c r="E14" s="8" t="s">
        <v>62</v>
      </c>
      <c r="F14" s="7" t="s">
        <v>112</v>
      </c>
      <c r="G14" s="12" t="s">
        <v>111</v>
      </c>
      <c r="H14" s="12" t="s">
        <v>110</v>
      </c>
      <c r="I14" s="11">
        <v>38808</v>
      </c>
    </row>
    <row r="15" spans="1:9" ht="26.25" customHeight="1" x14ac:dyDescent="0.15">
      <c r="A15" s="8">
        <v>14</v>
      </c>
      <c r="B15" s="12">
        <v>1600100331</v>
      </c>
      <c r="C15" s="8" t="s">
        <v>109</v>
      </c>
      <c r="D15" s="12">
        <v>9393515</v>
      </c>
      <c r="E15" s="8" t="s">
        <v>221</v>
      </c>
      <c r="F15" s="7" t="s">
        <v>108</v>
      </c>
      <c r="G15" s="12" t="s">
        <v>107</v>
      </c>
      <c r="H15" s="12" t="s">
        <v>106</v>
      </c>
      <c r="I15" s="11">
        <v>41000</v>
      </c>
    </row>
    <row r="16" spans="1:9" ht="26.25" customHeight="1" x14ac:dyDescent="0.15">
      <c r="A16" s="8">
        <v>15</v>
      </c>
      <c r="B16" s="12">
        <v>1600100240</v>
      </c>
      <c r="C16" s="8" t="s">
        <v>11</v>
      </c>
      <c r="D16" s="12">
        <v>9398121</v>
      </c>
      <c r="E16" s="8" t="s">
        <v>104</v>
      </c>
      <c r="F16" s="7" t="s">
        <v>102</v>
      </c>
      <c r="G16" s="12" t="s">
        <v>101</v>
      </c>
      <c r="H16" s="12" t="s">
        <v>100</v>
      </c>
      <c r="I16" s="11">
        <v>38808</v>
      </c>
    </row>
    <row r="17" spans="1:9" ht="26.25" customHeight="1" x14ac:dyDescent="0.15">
      <c r="A17" s="8">
        <v>16</v>
      </c>
      <c r="B17" s="12">
        <v>1600100190</v>
      </c>
      <c r="C17" s="8" t="s">
        <v>63</v>
      </c>
      <c r="D17" s="12">
        <v>9318412</v>
      </c>
      <c r="E17" s="8" t="s">
        <v>94</v>
      </c>
      <c r="F17" s="7" t="s">
        <v>93</v>
      </c>
      <c r="G17" s="12" t="s">
        <v>92</v>
      </c>
      <c r="H17" s="12" t="s">
        <v>91</v>
      </c>
      <c r="I17" s="11">
        <v>38808</v>
      </c>
    </row>
    <row r="18" spans="1:9" ht="26.25" customHeight="1" x14ac:dyDescent="0.15">
      <c r="A18" s="8">
        <v>17</v>
      </c>
      <c r="B18" s="12">
        <v>1600100323</v>
      </c>
      <c r="C18" s="8" t="s">
        <v>88</v>
      </c>
      <c r="D18" s="12">
        <v>9301326</v>
      </c>
      <c r="E18" s="8" t="s">
        <v>87</v>
      </c>
      <c r="F18" s="7" t="s">
        <v>85</v>
      </c>
      <c r="G18" s="12" t="s">
        <v>83</v>
      </c>
      <c r="H18" s="12" t="s">
        <v>146</v>
      </c>
      <c r="I18" s="11">
        <v>38808</v>
      </c>
    </row>
    <row r="19" spans="1:9" ht="26.25" customHeight="1" x14ac:dyDescent="0.15">
      <c r="A19" s="8">
        <v>18</v>
      </c>
      <c r="B19" s="12">
        <v>1600100109</v>
      </c>
      <c r="C19" s="8" t="s">
        <v>82</v>
      </c>
      <c r="D19" s="12">
        <v>9392226</v>
      </c>
      <c r="E19" s="8" t="s">
        <v>81</v>
      </c>
      <c r="F19" s="7" t="s">
        <v>80</v>
      </c>
      <c r="G19" s="12" t="s">
        <v>79</v>
      </c>
      <c r="H19" s="12" t="s">
        <v>76</v>
      </c>
      <c r="I19" s="11">
        <v>38808</v>
      </c>
    </row>
    <row r="20" spans="1:9" ht="26.25" customHeight="1" x14ac:dyDescent="0.15">
      <c r="A20" s="8">
        <v>19</v>
      </c>
      <c r="B20" s="12">
        <v>1600100042</v>
      </c>
      <c r="C20" s="8" t="s">
        <v>23</v>
      </c>
      <c r="D20" s="12">
        <v>9300974</v>
      </c>
      <c r="E20" s="8" t="s">
        <v>38</v>
      </c>
      <c r="F20" s="7" t="s">
        <v>56</v>
      </c>
      <c r="G20" s="12" t="s">
        <v>25</v>
      </c>
      <c r="H20" s="12" t="s">
        <v>27</v>
      </c>
      <c r="I20" s="11">
        <v>38808</v>
      </c>
    </row>
    <row r="21" spans="1:9" ht="26.25" customHeight="1" x14ac:dyDescent="0.15">
      <c r="A21" s="8">
        <v>20</v>
      </c>
      <c r="B21" s="12">
        <v>1600100067</v>
      </c>
      <c r="C21" s="8" t="s">
        <v>45</v>
      </c>
      <c r="D21" s="12">
        <v>9398025</v>
      </c>
      <c r="E21" s="8" t="s">
        <v>78</v>
      </c>
      <c r="F21" s="7" t="s">
        <v>73</v>
      </c>
      <c r="G21" s="12" t="s">
        <v>74</v>
      </c>
      <c r="H21" s="12" t="s">
        <v>116</v>
      </c>
      <c r="I21" s="11">
        <v>38808</v>
      </c>
    </row>
    <row r="22" spans="1:9" ht="26.25" customHeight="1" x14ac:dyDescent="0.15">
      <c r="A22" s="8">
        <v>21</v>
      </c>
      <c r="B22" s="12">
        <v>1600100307</v>
      </c>
      <c r="C22" s="8" t="s">
        <v>69</v>
      </c>
      <c r="D22" s="12">
        <v>9392345</v>
      </c>
      <c r="E22" s="8" t="s">
        <v>115</v>
      </c>
      <c r="F22" s="7" t="s">
        <v>22</v>
      </c>
      <c r="G22" s="12" t="s">
        <v>21</v>
      </c>
      <c r="H22" s="12" t="s">
        <v>6</v>
      </c>
      <c r="I22" s="11">
        <v>38808</v>
      </c>
    </row>
    <row r="23" spans="1:9" ht="26.25" customHeight="1" x14ac:dyDescent="0.15">
      <c r="A23" s="8">
        <v>22</v>
      </c>
      <c r="B23" s="12">
        <v>1600100364</v>
      </c>
      <c r="C23" s="8" t="s">
        <v>77</v>
      </c>
      <c r="D23" s="12">
        <v>9392376</v>
      </c>
      <c r="E23" s="8" t="s">
        <v>66</v>
      </c>
      <c r="F23" s="7" t="s">
        <v>55</v>
      </c>
      <c r="G23" s="12" t="s">
        <v>75</v>
      </c>
      <c r="H23" s="12" t="s">
        <v>72</v>
      </c>
      <c r="I23" s="11">
        <v>42826</v>
      </c>
    </row>
    <row r="24" spans="1:9" ht="26.25" customHeight="1" x14ac:dyDescent="0.15">
      <c r="A24" s="8">
        <v>23</v>
      </c>
      <c r="B24" s="12">
        <v>1600100166</v>
      </c>
      <c r="C24" s="8" t="s">
        <v>71</v>
      </c>
      <c r="D24" s="12">
        <v>9300891</v>
      </c>
      <c r="E24" s="8" t="s">
        <v>68</v>
      </c>
      <c r="F24" s="7" t="s">
        <v>49</v>
      </c>
      <c r="G24" s="12" t="s">
        <v>43</v>
      </c>
      <c r="H24" s="12" t="s">
        <v>67</v>
      </c>
      <c r="I24" s="11">
        <v>38808</v>
      </c>
    </row>
    <row r="25" spans="1:9" ht="26.25" customHeight="1" x14ac:dyDescent="0.15">
      <c r="A25" s="8">
        <v>24</v>
      </c>
      <c r="B25" s="12">
        <v>1600100299</v>
      </c>
      <c r="C25" s="8" t="s">
        <v>14</v>
      </c>
      <c r="D25" s="12">
        <v>9392603</v>
      </c>
      <c r="E25" s="8" t="s">
        <v>42</v>
      </c>
      <c r="F25" s="7" t="s">
        <v>48</v>
      </c>
      <c r="G25" s="12" t="s">
        <v>64</v>
      </c>
      <c r="H25" s="12" t="s">
        <v>61</v>
      </c>
      <c r="I25" s="11">
        <v>38808</v>
      </c>
    </row>
    <row r="26" spans="1:9" ht="26.25" customHeight="1" x14ac:dyDescent="0.15">
      <c r="A26" s="8">
        <v>25</v>
      </c>
      <c r="B26" s="12">
        <v>1600100083</v>
      </c>
      <c r="C26" s="8" t="s">
        <v>60</v>
      </c>
      <c r="D26" s="12">
        <v>9392716</v>
      </c>
      <c r="E26" s="8" t="s">
        <v>222</v>
      </c>
      <c r="F26" s="7" t="s">
        <v>16</v>
      </c>
      <c r="G26" s="12" t="s">
        <v>59</v>
      </c>
      <c r="H26" s="12" t="s">
        <v>58</v>
      </c>
      <c r="I26" s="11">
        <v>38808</v>
      </c>
    </row>
    <row r="27" spans="1:9" ht="26.25" customHeight="1" x14ac:dyDescent="0.15">
      <c r="A27" s="8">
        <v>26</v>
      </c>
      <c r="B27" s="12">
        <v>1600100216</v>
      </c>
      <c r="C27" s="8" t="s">
        <v>2</v>
      </c>
      <c r="D27" s="12">
        <v>9318501</v>
      </c>
      <c r="E27" s="8" t="s">
        <v>57</v>
      </c>
      <c r="F27" s="7" t="s">
        <v>53</v>
      </c>
      <c r="G27" s="12" t="s">
        <v>33</v>
      </c>
      <c r="H27" s="12" t="s">
        <v>52</v>
      </c>
      <c r="I27" s="11">
        <v>38808</v>
      </c>
    </row>
    <row r="28" spans="1:9" ht="26.25" customHeight="1" x14ac:dyDescent="0.15">
      <c r="A28" s="8">
        <v>27</v>
      </c>
      <c r="B28" s="12">
        <v>1600100034</v>
      </c>
      <c r="C28" s="8" t="s">
        <v>50</v>
      </c>
      <c r="D28" s="12">
        <v>9398281</v>
      </c>
      <c r="E28" s="8" t="s">
        <v>46</v>
      </c>
      <c r="F28" s="7" t="s">
        <v>20</v>
      </c>
      <c r="G28" s="12" t="s">
        <v>41</v>
      </c>
      <c r="H28" s="12" t="s">
        <v>39</v>
      </c>
      <c r="I28" s="11">
        <v>38808</v>
      </c>
    </row>
    <row r="29" spans="1:9" ht="26.25" customHeight="1" x14ac:dyDescent="0.15">
      <c r="A29" s="8">
        <v>28</v>
      </c>
      <c r="B29" s="12">
        <v>1600100125</v>
      </c>
      <c r="C29" s="8" t="s">
        <v>37</v>
      </c>
      <c r="D29" s="12">
        <v>9398045</v>
      </c>
      <c r="E29" s="8" t="s">
        <v>223</v>
      </c>
      <c r="F29" s="7" t="s">
        <v>35</v>
      </c>
      <c r="G29" s="12" t="s">
        <v>34</v>
      </c>
      <c r="H29" s="12" t="s">
        <v>12</v>
      </c>
      <c r="I29" s="11">
        <v>38808</v>
      </c>
    </row>
    <row r="30" spans="1:9" ht="26.25" customHeight="1" x14ac:dyDescent="0.15">
      <c r="A30" s="8">
        <v>29</v>
      </c>
      <c r="B30" s="12">
        <v>1600100349</v>
      </c>
      <c r="C30" s="8" t="s">
        <v>31</v>
      </c>
      <c r="D30" s="12">
        <v>9300036</v>
      </c>
      <c r="E30" s="9" t="s">
        <v>30</v>
      </c>
      <c r="F30" s="7" t="s">
        <v>7</v>
      </c>
      <c r="G30" s="12" t="s">
        <v>29</v>
      </c>
      <c r="H30" s="12" t="s">
        <v>28</v>
      </c>
      <c r="I30" s="11">
        <v>41000</v>
      </c>
    </row>
    <row r="31" spans="1:9" ht="26.25" customHeight="1" x14ac:dyDescent="0.15">
      <c r="A31" s="8">
        <v>30</v>
      </c>
      <c r="B31" s="12">
        <v>1600100265</v>
      </c>
      <c r="C31" s="8" t="s">
        <v>26</v>
      </c>
      <c r="D31" s="12">
        <v>9302233</v>
      </c>
      <c r="E31" s="8" t="s">
        <v>24</v>
      </c>
      <c r="F31" s="7" t="s">
        <v>18</v>
      </c>
      <c r="G31" s="12" t="s">
        <v>5</v>
      </c>
      <c r="H31" s="12" t="s">
        <v>3</v>
      </c>
      <c r="I31" s="11">
        <v>38808</v>
      </c>
    </row>
    <row r="32" spans="1:9" ht="26.25" customHeight="1" x14ac:dyDescent="0.15">
      <c r="A32" s="8">
        <v>31</v>
      </c>
      <c r="B32" s="12">
        <v>1600100133</v>
      </c>
      <c r="C32" s="8" t="s">
        <v>17</v>
      </c>
      <c r="D32" s="12">
        <v>9398222</v>
      </c>
      <c r="E32" s="8" t="s">
        <v>9</v>
      </c>
      <c r="F32" s="7" t="s">
        <v>15</v>
      </c>
      <c r="G32" s="12" t="s">
        <v>1</v>
      </c>
      <c r="H32" s="12" t="s">
        <v>0</v>
      </c>
      <c r="I32" s="11">
        <v>38808</v>
      </c>
    </row>
    <row r="33" spans="1:9" ht="26.25" customHeight="1" x14ac:dyDescent="0.15">
      <c r="A33" s="8">
        <v>32</v>
      </c>
      <c r="B33" s="12">
        <v>1600100372</v>
      </c>
      <c r="C33" s="8" t="s">
        <v>98</v>
      </c>
      <c r="D33" s="12">
        <v>9392251</v>
      </c>
      <c r="E33" s="8" t="s">
        <v>44</v>
      </c>
      <c r="F33" s="7" t="s">
        <v>97</v>
      </c>
      <c r="G33" s="12" t="s">
        <v>95</v>
      </c>
      <c r="H33" s="12" t="s">
        <v>215</v>
      </c>
      <c r="I33" s="11">
        <v>45748</v>
      </c>
    </row>
  </sheetData>
  <phoneticPr fontId="1"/>
  <printOptions horizontalCentered="1" gridLines="1"/>
  <pageMargins left="0.39370078740157483" right="0.19685039370078741" top="0.78740157480314965" bottom="0.59055118110236227" header="0" footer="0"/>
  <pageSetup paperSize="9" scale="59" orientation="landscape" r:id="rId1"/>
  <headerFooter alignWithMargins="0">
    <oddHeader>&amp;C&amp;14介護予防支援事業所一覧</oddHeader>
    <oddFooter>&amp;C&amp;P &amp;R(&amp;A)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4"/>
    <pageSetUpPr fitToPage="1"/>
  </sheetPr>
  <dimension ref="A1:H15"/>
  <sheetViews>
    <sheetView view="pageBreakPreview" zoomScaleSheetLayoutView="100" workbookViewId="0"/>
  </sheetViews>
  <sheetFormatPr defaultColWidth="9" defaultRowHeight="18.75" customHeight="1" x14ac:dyDescent="0.15"/>
  <cols>
    <col min="1" max="1" width="4.625" style="1" customWidth="1"/>
    <col min="2" max="2" width="14.625" style="1" customWidth="1"/>
    <col min="3" max="3" width="45.625" style="1" customWidth="1"/>
    <col min="4" max="4" width="10.625" style="1" customWidth="1"/>
    <col min="5" max="5" width="38.625" style="1" customWidth="1"/>
    <col min="6" max="7" width="15.625" style="1" customWidth="1"/>
    <col min="8" max="8" width="9.625" style="5" customWidth="1"/>
    <col min="9" max="16384" width="9" style="1"/>
  </cols>
  <sheetData>
    <row r="1" spans="1:8" s="6" customFormat="1" ht="37.35" customHeight="1" x14ac:dyDescent="0.15">
      <c r="A1" s="7"/>
      <c r="B1" s="7" t="s">
        <v>174</v>
      </c>
      <c r="C1" s="7" t="s">
        <v>51</v>
      </c>
      <c r="D1" s="7" t="s">
        <v>217</v>
      </c>
      <c r="E1" s="7" t="s">
        <v>224</v>
      </c>
      <c r="F1" s="7" t="s">
        <v>32</v>
      </c>
      <c r="G1" s="7" t="s">
        <v>169</v>
      </c>
      <c r="H1" s="10" t="s">
        <v>47</v>
      </c>
    </row>
    <row r="2" spans="1:8" ht="26.25" customHeight="1" x14ac:dyDescent="0.15">
      <c r="A2" s="8">
        <v>1</v>
      </c>
      <c r="B2" s="12">
        <v>1660190016</v>
      </c>
      <c r="C2" s="8" t="s">
        <v>84</v>
      </c>
      <c r="D2" s="12">
        <v>9318314</v>
      </c>
      <c r="E2" s="8" t="s">
        <v>184</v>
      </c>
      <c r="F2" s="12" t="s">
        <v>193</v>
      </c>
      <c r="G2" s="12" t="s">
        <v>194</v>
      </c>
      <c r="H2" s="11">
        <v>45383</v>
      </c>
    </row>
    <row r="3" spans="1:8" ht="26.25" customHeight="1" x14ac:dyDescent="0.15">
      <c r="A3" s="8">
        <v>2</v>
      </c>
      <c r="B3" s="12">
        <v>1670100161</v>
      </c>
      <c r="C3" s="8" t="s">
        <v>203</v>
      </c>
      <c r="D3" s="12">
        <v>9300016</v>
      </c>
      <c r="E3" s="8" t="s">
        <v>204</v>
      </c>
      <c r="F3" s="12" t="s">
        <v>205</v>
      </c>
      <c r="G3" s="12" t="s">
        <v>54</v>
      </c>
      <c r="H3" s="11">
        <v>45383</v>
      </c>
    </row>
    <row r="4" spans="1:8" ht="26.25" customHeight="1" x14ac:dyDescent="0.15">
      <c r="A4" s="8">
        <v>3</v>
      </c>
      <c r="B4" s="12">
        <v>1661890002</v>
      </c>
      <c r="C4" s="8" t="s">
        <v>195</v>
      </c>
      <c r="D4" s="12">
        <v>9392706</v>
      </c>
      <c r="E4" s="8" t="s">
        <v>170</v>
      </c>
      <c r="F4" s="12" t="s">
        <v>196</v>
      </c>
      <c r="G4" s="12" t="s">
        <v>197</v>
      </c>
      <c r="H4" s="11">
        <v>45383</v>
      </c>
    </row>
    <row r="5" spans="1:8" ht="26.25" customHeight="1" x14ac:dyDescent="0.15">
      <c r="A5" s="8">
        <v>4</v>
      </c>
      <c r="B5" s="12">
        <v>1670100328</v>
      </c>
      <c r="C5" s="8" t="s">
        <v>206</v>
      </c>
      <c r="D5" s="12">
        <v>9300066</v>
      </c>
      <c r="E5" s="8" t="s">
        <v>207</v>
      </c>
      <c r="F5" s="12" t="s">
        <v>155</v>
      </c>
      <c r="G5" s="12" t="s">
        <v>155</v>
      </c>
      <c r="H5" s="11">
        <v>45383</v>
      </c>
    </row>
    <row r="6" spans="1:8" ht="26.25" customHeight="1" x14ac:dyDescent="0.15">
      <c r="A6" s="8">
        <v>5</v>
      </c>
      <c r="B6" s="12">
        <v>1670102134</v>
      </c>
      <c r="C6" s="8" t="s">
        <v>178</v>
      </c>
      <c r="D6" s="12">
        <v>9300804</v>
      </c>
      <c r="E6" s="8" t="s">
        <v>90</v>
      </c>
      <c r="F6" s="12" t="s">
        <v>179</v>
      </c>
      <c r="G6" s="12" t="s">
        <v>180</v>
      </c>
      <c r="H6" s="11">
        <v>45383</v>
      </c>
    </row>
    <row r="7" spans="1:8" ht="26.25" customHeight="1" x14ac:dyDescent="0.15">
      <c r="A7" s="8">
        <v>6</v>
      </c>
      <c r="B7" s="12">
        <v>1670102894</v>
      </c>
      <c r="C7" s="8" t="s">
        <v>190</v>
      </c>
      <c r="D7" s="12">
        <v>9398071</v>
      </c>
      <c r="E7" s="8" t="s">
        <v>166</v>
      </c>
      <c r="F7" s="12" t="s">
        <v>191</v>
      </c>
      <c r="G7" s="12" t="s">
        <v>192</v>
      </c>
      <c r="H7" s="11">
        <v>45383</v>
      </c>
    </row>
    <row r="8" spans="1:8" ht="26.25" customHeight="1" x14ac:dyDescent="0.15">
      <c r="A8" s="8">
        <v>7</v>
      </c>
      <c r="B8" s="12">
        <v>1670104072</v>
      </c>
      <c r="C8" s="8" t="s">
        <v>199</v>
      </c>
      <c r="D8" s="12">
        <v>9300936</v>
      </c>
      <c r="E8" s="8" t="s">
        <v>200</v>
      </c>
      <c r="F8" s="12" t="s">
        <v>201</v>
      </c>
      <c r="G8" s="12" t="s">
        <v>202</v>
      </c>
      <c r="H8" s="11">
        <v>45383</v>
      </c>
    </row>
    <row r="9" spans="1:8" ht="26.25" customHeight="1" x14ac:dyDescent="0.15">
      <c r="A9" s="8">
        <v>8</v>
      </c>
      <c r="B9" s="12">
        <v>1670105160</v>
      </c>
      <c r="C9" s="8" t="s">
        <v>183</v>
      </c>
      <c r="D9" s="12">
        <v>9398211</v>
      </c>
      <c r="E9" s="8" t="s">
        <v>185</v>
      </c>
      <c r="F9" s="12" t="s">
        <v>158</v>
      </c>
      <c r="G9" s="12" t="s">
        <v>186</v>
      </c>
      <c r="H9" s="11">
        <v>45383</v>
      </c>
    </row>
    <row r="10" spans="1:8" ht="26.25" customHeight="1" x14ac:dyDescent="0.15">
      <c r="A10" s="8">
        <v>9</v>
      </c>
      <c r="B10" s="12">
        <v>1670111739</v>
      </c>
      <c r="C10" s="8" t="s">
        <v>181</v>
      </c>
      <c r="D10" s="12">
        <v>9318403</v>
      </c>
      <c r="E10" s="8" t="s">
        <v>8</v>
      </c>
      <c r="F10" s="12" t="s">
        <v>99</v>
      </c>
      <c r="G10" s="12" t="s">
        <v>182</v>
      </c>
      <c r="H10" s="11">
        <v>45383</v>
      </c>
    </row>
    <row r="11" spans="1:8" ht="26.25" customHeight="1" x14ac:dyDescent="0.15">
      <c r="A11" s="8">
        <v>10</v>
      </c>
      <c r="B11" s="12">
        <v>1670113941</v>
      </c>
      <c r="C11" s="8" t="s">
        <v>168</v>
      </c>
      <c r="D11" s="12">
        <v>9398214</v>
      </c>
      <c r="E11" s="8" t="s">
        <v>65</v>
      </c>
      <c r="F11" s="12" t="s">
        <v>198</v>
      </c>
      <c r="G11" s="12" t="s">
        <v>103</v>
      </c>
      <c r="H11" s="11">
        <v>45383</v>
      </c>
    </row>
    <row r="12" spans="1:8" ht="26.25" customHeight="1" x14ac:dyDescent="0.15">
      <c r="A12" s="8">
        <v>11</v>
      </c>
      <c r="B12" s="12">
        <v>1670114337</v>
      </c>
      <c r="C12" s="8" t="s">
        <v>208</v>
      </c>
      <c r="D12" s="12">
        <v>9398263</v>
      </c>
      <c r="E12" s="8" t="s">
        <v>172</v>
      </c>
      <c r="F12" s="12" t="s">
        <v>124</v>
      </c>
      <c r="G12" s="12" t="s">
        <v>86</v>
      </c>
      <c r="H12" s="11">
        <v>45383</v>
      </c>
    </row>
    <row r="13" spans="1:8" ht="26.25" customHeight="1" x14ac:dyDescent="0.15">
      <c r="A13" s="8">
        <v>12</v>
      </c>
      <c r="B13" s="12">
        <v>1670114782</v>
      </c>
      <c r="C13" s="8" t="s">
        <v>187</v>
      </c>
      <c r="D13" s="12">
        <v>9300901</v>
      </c>
      <c r="E13" s="8" t="s">
        <v>13</v>
      </c>
      <c r="F13" s="12" t="s">
        <v>188</v>
      </c>
      <c r="G13" s="12" t="s">
        <v>189</v>
      </c>
      <c r="H13" s="11">
        <v>45383</v>
      </c>
    </row>
    <row r="14" spans="1:8" ht="26.25" customHeight="1" x14ac:dyDescent="0.15">
      <c r="A14" s="8">
        <v>13</v>
      </c>
      <c r="B14" s="12">
        <v>1670114758</v>
      </c>
      <c r="C14" s="8" t="s">
        <v>209</v>
      </c>
      <c r="D14" s="12">
        <v>9398272</v>
      </c>
      <c r="E14" s="8" t="s">
        <v>210</v>
      </c>
      <c r="F14" s="12" t="s">
        <v>211</v>
      </c>
      <c r="G14" s="12" t="s">
        <v>157</v>
      </c>
      <c r="H14" s="11">
        <v>45444</v>
      </c>
    </row>
    <row r="15" spans="1:8" ht="26.25" customHeight="1" x14ac:dyDescent="0.15">
      <c r="A15" s="8">
        <v>14</v>
      </c>
      <c r="B15" s="12">
        <v>1670100914</v>
      </c>
      <c r="C15" s="8" t="s">
        <v>212</v>
      </c>
      <c r="D15" s="12">
        <v>9300974</v>
      </c>
      <c r="E15" s="8" t="s">
        <v>213</v>
      </c>
      <c r="F15" s="12" t="s">
        <v>214</v>
      </c>
      <c r="G15" s="12" t="s">
        <v>27</v>
      </c>
      <c r="H15" s="11">
        <v>45474</v>
      </c>
    </row>
  </sheetData>
  <phoneticPr fontId="1"/>
  <printOptions horizontalCentered="1" gridLines="1"/>
  <pageMargins left="0.39370078740157483" right="0.19685039370078741" top="0.78740157480314965" bottom="0.39370078740157483" header="0.39370078740157483" footer="0"/>
  <pageSetup paperSize="9" scale="93" orientation="landscape" r:id="rId1"/>
  <headerFooter alignWithMargins="0">
    <oddHeader>&amp;C&amp;14介護予防支援事業所一覧</oddHeader>
    <oddFooter>&amp;C&amp;P &amp;R(&amp;A)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4</vt:i4>
      </vt:variant>
    </vt:vector>
  </HeadingPairs>
  <TitlesOfParts>
    <vt:vector size="7" baseType="lpstr">
      <vt:lpstr>表紙</vt:lpstr>
      <vt:lpstr>介護予防支援（包括）</vt:lpstr>
      <vt:lpstr>介護予防支援 (居宅)</vt:lpstr>
      <vt:lpstr>'介護予防支援 (居宅)'!Print_Area</vt:lpstr>
      <vt:lpstr>'介護予防支援（包括）'!Print_Area</vt:lpstr>
      <vt:lpstr>'介護予防支援 (居宅)'!Print_Titles</vt:lpstr>
      <vt:lpstr>'介護予防支援（包括）'!Print_Titles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増山　和佳奈</cp:lastModifiedBy>
  <cp:lastPrinted>2025-03-06T08:29:51Z</cp:lastPrinted>
  <dcterms:created xsi:type="dcterms:W3CDTF">2023-12-01T06:18:05Z</dcterms:created>
  <dcterms:modified xsi:type="dcterms:W3CDTF">2025-10-07T09:39:2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2" baseType="lpwstr">
      <vt:lpwstr>5.0.2.0</vt:lpwstr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5-08-05T09:43:54Z</vt:filetime>
  </property>
</Properties>
</file>